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sont nécessaires pour chaque contexte, ce qui permet de faciliter les tâches telles que l'analyse des données, le suivi des patients,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